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damvolenda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CEECBFD0-4481-2B31-4EBD-3BBCE10118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693761"/>
            <a:ext cx="2385149" cy="19415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104CEC74-76F3-316C-EA71-CD6F2C00006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6685" y="3847786"/>
            <a:ext cx="1796325"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16T11:19:24Z</dcterms:modified>
</cp:coreProperties>
</file>